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kfs01\s0203\14_助成Ｇ（助成担当）\02 幼稚園\10_幼稚園補助金\11_教育支援体制整備\500_ICT化支援\02_事業募集\"/>
    </mc:Choice>
  </mc:AlternateContent>
  <bookViews>
    <workbookView xWindow="120" yWindow="12" windowWidth="14952" windowHeight="8448" activeTab="1"/>
  </bookViews>
  <sheets>
    <sheet name="様式２" sheetId="17" r:id="rId1"/>
    <sheet name="様式２（記載例）" sheetId="13" r:id="rId2"/>
  </sheets>
  <definedNames>
    <definedName name="_xlnm.Print_Area" localSheetId="0">様式２!$A$1:$I$26</definedName>
    <definedName name="_xlnm.Print_Area" localSheetId="1">'様式２（記載例）'!$A$1:$I$26</definedName>
  </definedNames>
  <calcPr calcId="152511"/>
</workbook>
</file>

<file path=xl/sharedStrings.xml><?xml version="1.0" encoding="utf-8"?>
<sst xmlns="http://schemas.openxmlformats.org/spreadsheetml/2006/main" count="45" uniqueCount="24">
  <si>
    <t>学校コード：</t>
    <rPh sb="0" eb="2">
      <t>ガッコウ</t>
    </rPh>
    <phoneticPr fontId="2"/>
  </si>
  <si>
    <t>別紙２</t>
    <rPh sb="0" eb="2">
      <t>ベッシ</t>
    </rPh>
    <phoneticPr fontId="2"/>
  </si>
  <si>
    <t>１．今回整備する事業の内容に✔をつけてください。(複数回答可)</t>
    <rPh sb="2" eb="4">
      <t>コンカイ</t>
    </rPh>
    <rPh sb="4" eb="6">
      <t>セイビ</t>
    </rPh>
    <rPh sb="25" eb="27">
      <t>フクスウ</t>
    </rPh>
    <rPh sb="27" eb="29">
      <t>カイトウ</t>
    </rPh>
    <rPh sb="29" eb="30">
      <t>カ</t>
    </rPh>
    <phoneticPr fontId="2"/>
  </si>
  <si>
    <t>幼稚園（施設）名：</t>
    <rPh sb="0" eb="3">
      <t>ヨウチエン</t>
    </rPh>
    <rPh sb="4" eb="6">
      <t>シセツ</t>
    </rPh>
    <phoneticPr fontId="3"/>
  </si>
  <si>
    <t>③保護者との情報共有や連絡を円滑に行うためのシステムの導入</t>
    <phoneticPr fontId="2"/>
  </si>
  <si>
    <t>２．今回整備する通信環境や備品の必要性、台数根拠、及びその具体的な利用方法を教育の質の向上に資する観点から記載してください。</t>
    <rPh sb="2" eb="4">
      <t>コンカイ</t>
    </rPh>
    <rPh sb="4" eb="6">
      <t>セイビ</t>
    </rPh>
    <rPh sb="8" eb="10">
      <t>ツウシン</t>
    </rPh>
    <rPh sb="10" eb="12">
      <t>カンキョウ</t>
    </rPh>
    <rPh sb="13" eb="15">
      <t>ビヒン</t>
    </rPh>
    <rPh sb="22" eb="24">
      <t>コンキョ</t>
    </rPh>
    <rPh sb="25" eb="26">
      <t>オヨ</t>
    </rPh>
    <rPh sb="29" eb="32">
      <t>グタイテキ</t>
    </rPh>
    <rPh sb="33" eb="35">
      <t>リヨウ</t>
    </rPh>
    <rPh sb="35" eb="37">
      <t>ホウホウ</t>
    </rPh>
    <rPh sb="53" eb="55">
      <t>キサイ</t>
    </rPh>
    <phoneticPr fontId="2"/>
  </si>
  <si>
    <t>②資料作成業務　　　　　　　　　　　　　　　　　　　　　　　　　　　　　　　　　　　　　　　　　　　　（どんな教育に係る資料を作成しますか？複数回答可）</t>
    <rPh sb="1" eb="3">
      <t>シリョウ</t>
    </rPh>
    <rPh sb="63" eb="65">
      <t>サクセイ</t>
    </rPh>
    <phoneticPr fontId="2"/>
  </si>
  <si>
    <t>①導入（導入済）システムに伴うもの（何のシステムで利用しますか？）</t>
    <rPh sb="1" eb="3">
      <t>ドウニュウ</t>
    </rPh>
    <rPh sb="4" eb="6">
      <t>ドウニュウ</t>
    </rPh>
    <rPh sb="6" eb="7">
      <t>ズ</t>
    </rPh>
    <rPh sb="18" eb="19">
      <t>ナン</t>
    </rPh>
    <rPh sb="25" eb="27">
      <t>リヨウ</t>
    </rPh>
    <phoneticPr fontId="2"/>
  </si>
  <si>
    <t>③保護者との情報共有や連絡（何のシステムで連絡しますか？）</t>
    <rPh sb="6" eb="8">
      <t>ジョウホウ</t>
    </rPh>
    <rPh sb="8" eb="10">
      <t>キョウユウ</t>
    </rPh>
    <rPh sb="14" eb="15">
      <t>ナニ</t>
    </rPh>
    <rPh sb="21" eb="23">
      <t>レンラク</t>
    </rPh>
    <phoneticPr fontId="2"/>
  </si>
  <si>
    <t>指導要録作成システム（◯◯）で利用</t>
    <rPh sb="0" eb="2">
      <t>シドウ</t>
    </rPh>
    <rPh sb="2" eb="4">
      <t>ヨウロク</t>
    </rPh>
    <rPh sb="4" eb="6">
      <t>サクセイ</t>
    </rPh>
    <phoneticPr fontId="2"/>
  </si>
  <si>
    <t>指導要録</t>
    <rPh sb="0" eb="2">
      <t>シドウ</t>
    </rPh>
    <rPh sb="2" eb="4">
      <t>ヨウロク</t>
    </rPh>
    <phoneticPr fontId="2"/>
  </si>
  <si>
    <t>園児別活動記録</t>
    <rPh sb="0" eb="2">
      <t>エンジ</t>
    </rPh>
    <rPh sb="2" eb="3">
      <t>ベツ</t>
    </rPh>
    <rPh sb="3" eb="5">
      <t>カツドウ</t>
    </rPh>
    <rPh sb="5" eb="7">
      <t>キロク</t>
    </rPh>
    <phoneticPr fontId="2"/>
  </si>
  <si>
    <t>現在、毎日の活動記録等を手書きで作成している。職員室や保育室での電子システムによる記録作成業務を実施するため、指導要録等作成システムを導入し、当園の教員20人全員にタブレットを20台配備する。これにより職員室や保育室での記録作成業務が容易になる。併せて、保護者への一斉のお知らせメールの配信や出欠席の連絡を行う。これらのシステム導入により、資料の電子化が進み、教職員の負担が減るため、教育の質の向上につながる。</t>
    <rPh sb="0" eb="2">
      <t>ゲンザイ</t>
    </rPh>
    <rPh sb="3" eb="5">
      <t>マイニチ</t>
    </rPh>
    <rPh sb="6" eb="8">
      <t>カツドウ</t>
    </rPh>
    <rPh sb="8" eb="10">
      <t>キロク</t>
    </rPh>
    <rPh sb="10" eb="11">
      <t>トウ</t>
    </rPh>
    <rPh sb="12" eb="14">
      <t>テガ</t>
    </rPh>
    <rPh sb="16" eb="18">
      <t>サクセイ</t>
    </rPh>
    <rPh sb="32" eb="34">
      <t>デンシ</t>
    </rPh>
    <rPh sb="48" eb="50">
      <t>ジッシ</t>
    </rPh>
    <rPh sb="55" eb="57">
      <t>シドウ</t>
    </rPh>
    <rPh sb="57" eb="59">
      <t>ヨウロク</t>
    </rPh>
    <rPh sb="59" eb="60">
      <t>トウ</t>
    </rPh>
    <rPh sb="60" eb="62">
      <t>サクセイ</t>
    </rPh>
    <rPh sb="71" eb="73">
      <t>トウエン</t>
    </rPh>
    <rPh sb="74" eb="76">
      <t>キョウイン</t>
    </rPh>
    <rPh sb="78" eb="79">
      <t>ニン</t>
    </rPh>
    <rPh sb="79" eb="81">
      <t>ゼンイン</t>
    </rPh>
    <rPh sb="90" eb="91">
      <t>ダイ</t>
    </rPh>
    <rPh sb="91" eb="93">
      <t>ハイビ</t>
    </rPh>
    <rPh sb="101" eb="104">
      <t>ショクインシツ</t>
    </rPh>
    <rPh sb="110" eb="112">
      <t>キロク</t>
    </rPh>
    <rPh sb="112" eb="114">
      <t>サクセイ</t>
    </rPh>
    <rPh sb="114" eb="116">
      <t>ギョウム</t>
    </rPh>
    <rPh sb="117" eb="119">
      <t>ヨウイ</t>
    </rPh>
    <rPh sb="164" eb="166">
      <t>ドウニュウ</t>
    </rPh>
    <rPh sb="170" eb="172">
      <t>シリョウ</t>
    </rPh>
    <rPh sb="173" eb="175">
      <t>デンシ</t>
    </rPh>
    <rPh sb="175" eb="176">
      <t>カ</t>
    </rPh>
    <rPh sb="177" eb="178">
      <t>スス</t>
    </rPh>
    <rPh sb="180" eb="183">
      <t>キョウショクイン</t>
    </rPh>
    <rPh sb="184" eb="186">
      <t>フタン</t>
    </rPh>
    <rPh sb="187" eb="188">
      <t>ヘ</t>
    </rPh>
    <rPh sb="192" eb="194">
      <t>キョウイク</t>
    </rPh>
    <rPh sb="195" eb="196">
      <t>シツ</t>
    </rPh>
    <rPh sb="197" eb="199">
      <t>コウジョウ</t>
    </rPh>
    <phoneticPr fontId="2"/>
  </si>
  <si>
    <t>◎指導要録等の教育に係る資料の電子化に必要な情報システム</t>
    <rPh sb="1" eb="3">
      <t>シドウ</t>
    </rPh>
    <rPh sb="3" eb="5">
      <t>ヨウロク</t>
    </rPh>
    <rPh sb="5" eb="6">
      <t>トウ</t>
    </rPh>
    <rPh sb="7" eb="9">
      <t>キョウイク</t>
    </rPh>
    <rPh sb="10" eb="11">
      <t>カカ</t>
    </rPh>
    <rPh sb="12" eb="14">
      <t>シリョウ</t>
    </rPh>
    <rPh sb="15" eb="18">
      <t>デンシカ</t>
    </rPh>
    <rPh sb="19" eb="21">
      <t>ヒツヨウ</t>
    </rPh>
    <rPh sb="22" eb="24">
      <t>ジョウホウ</t>
    </rPh>
    <phoneticPr fontId="2"/>
  </si>
  <si>
    <t>①資料の作成を容易にすることのできるシステムの導入</t>
    <phoneticPr fontId="2"/>
  </si>
  <si>
    <t>②資料を保存や共有するためのシステムの導入</t>
    <phoneticPr fontId="2"/>
  </si>
  <si>
    <t>④資料の電子化を行うために必要となるパソコン・タブレット等の備品の導入</t>
    <rPh sb="8" eb="9">
      <t>オコナ</t>
    </rPh>
    <rPh sb="33" eb="35">
      <t>ドウニュウ</t>
    </rPh>
    <phoneticPr fontId="2"/>
  </si>
  <si>
    <t>⑤その他教育に係る資料の電子化に必要な情報システムで利用する端末や備品の購入費</t>
    <rPh sb="3" eb="4">
      <t>タ</t>
    </rPh>
    <rPh sb="4" eb="6">
      <t>キョウイク</t>
    </rPh>
    <rPh sb="7" eb="8">
      <t>カカ</t>
    </rPh>
    <rPh sb="9" eb="11">
      <t>シリョウ</t>
    </rPh>
    <rPh sb="12" eb="15">
      <t>デンシカ</t>
    </rPh>
    <rPh sb="16" eb="18">
      <t>ヒツヨウ</t>
    </rPh>
    <rPh sb="19" eb="21">
      <t>ジョウホウ</t>
    </rPh>
    <rPh sb="26" eb="28">
      <t>リヨウ</t>
    </rPh>
    <rPh sb="30" eb="32">
      <t>タンマツ</t>
    </rPh>
    <rPh sb="33" eb="35">
      <t>ビヒン</t>
    </rPh>
    <rPh sb="36" eb="38">
      <t>コウニュウ</t>
    </rPh>
    <rPh sb="38" eb="39">
      <t>ヒ</t>
    </rPh>
    <phoneticPr fontId="2"/>
  </si>
  <si>
    <t>⑥教育に係る資料の電子化に必要な通信環境の整備</t>
    <rPh sb="1" eb="3">
      <t>キョウイク</t>
    </rPh>
    <rPh sb="4" eb="5">
      <t>カカ</t>
    </rPh>
    <rPh sb="6" eb="8">
      <t>シリョウ</t>
    </rPh>
    <rPh sb="9" eb="12">
      <t>デンシカ</t>
    </rPh>
    <rPh sb="13" eb="15">
      <t>ヒツヨウ</t>
    </rPh>
    <rPh sb="16" eb="18">
      <t>ツウシン</t>
    </rPh>
    <rPh sb="18" eb="20">
      <t>カンキョウ</t>
    </rPh>
    <rPh sb="21" eb="23">
      <t>セイビ</t>
    </rPh>
    <phoneticPr fontId="2"/>
  </si>
  <si>
    <t>◎教育に係る資料の電子化に必要な備品・通信環境整備</t>
    <rPh sb="1" eb="3">
      <t>キョウイク</t>
    </rPh>
    <rPh sb="4" eb="5">
      <t>カカ</t>
    </rPh>
    <rPh sb="6" eb="8">
      <t>シリョウ</t>
    </rPh>
    <rPh sb="9" eb="12">
      <t>デンシカ</t>
    </rPh>
    <rPh sb="13" eb="15">
      <t>ヒツヨウ</t>
    </rPh>
    <rPh sb="16" eb="18">
      <t>ビヒン</t>
    </rPh>
    <rPh sb="19" eb="21">
      <t>ツウシン</t>
    </rPh>
    <rPh sb="21" eb="23">
      <t>カンキョウ</t>
    </rPh>
    <rPh sb="23" eb="25">
      <t>セイビ</t>
    </rPh>
    <phoneticPr fontId="2"/>
  </si>
  <si>
    <t>※④～⑥を選択した場合、導入の目的に該当する項目に◯をし、各項目の質問に回答してください。（複数回答可）</t>
    <rPh sb="5" eb="7">
      <t>センタク</t>
    </rPh>
    <rPh sb="12" eb="14">
      <t>ドウニュウ</t>
    </rPh>
    <rPh sb="15" eb="17">
      <t>モクテキ</t>
    </rPh>
    <rPh sb="18" eb="20">
      <t>ガイトウ</t>
    </rPh>
    <rPh sb="22" eb="24">
      <t>コウモク</t>
    </rPh>
    <rPh sb="29" eb="30">
      <t>カク</t>
    </rPh>
    <rPh sb="30" eb="32">
      <t>コウモク</t>
    </rPh>
    <rPh sb="33" eb="35">
      <t>シツモン</t>
    </rPh>
    <rPh sb="36" eb="38">
      <t>カイトウ</t>
    </rPh>
    <rPh sb="46" eb="48">
      <t>フクスウ</t>
    </rPh>
    <rPh sb="48" eb="50">
      <t>カイトウ</t>
    </rPh>
    <rPh sb="50" eb="51">
      <t>カ</t>
    </rPh>
    <phoneticPr fontId="2"/>
  </si>
  <si>
    <t>保護者向け一斉配信メールシステム（△△）での利用</t>
  </si>
  <si>
    <t>幼稚園等ICT化事業計画書</t>
    <phoneticPr fontId="2"/>
  </si>
  <si>
    <t>✔</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6" x14ac:knownFonts="1">
    <font>
      <sz val="11"/>
      <name val="ＭＳ Ｐゴシック"/>
      <family val="3"/>
      <charset val="128"/>
    </font>
    <font>
      <sz val="11"/>
      <name val="ＭＳ Ｐゴシック"/>
      <family val="3"/>
      <charset val="128"/>
    </font>
    <font>
      <sz val="6"/>
      <name val="ＭＳ Ｐゴシック"/>
      <family val="3"/>
      <charset val="128"/>
    </font>
    <font>
      <sz val="6"/>
      <name val="ＭＳ Ｐゴシック"/>
      <family val="2"/>
      <charset val="128"/>
      <scheme val="minor"/>
    </font>
    <font>
      <sz val="12"/>
      <name val="ＭＳ Ｐゴシック"/>
      <family val="3"/>
      <charset val="128"/>
    </font>
    <font>
      <sz val="16"/>
      <name val="ＭＳ Ｐゴシック"/>
      <family val="3"/>
      <charset val="128"/>
    </font>
    <font>
      <sz val="16"/>
      <name val="HG創英角ﾎﾟｯﾌﾟ体"/>
      <family val="3"/>
      <charset val="128"/>
    </font>
    <font>
      <sz val="16"/>
      <name val="Meiryo UI"/>
      <family val="3"/>
      <charset val="128"/>
    </font>
    <font>
      <sz val="12"/>
      <name val="Meiryo UI"/>
      <family val="3"/>
      <charset val="128"/>
    </font>
    <font>
      <sz val="11"/>
      <name val="Meiryo UI"/>
      <family val="3"/>
      <charset val="128"/>
    </font>
    <font>
      <b/>
      <sz val="18"/>
      <name val="HG創英角ﾎﾟｯﾌﾟ体"/>
      <family val="3"/>
      <charset val="128"/>
    </font>
    <font>
      <sz val="18"/>
      <name val="ＭＳ Ｐゴシック"/>
      <family val="3"/>
      <charset val="128"/>
    </font>
    <font>
      <sz val="18"/>
      <name val="Meiryo UI"/>
      <family val="3"/>
      <charset val="128"/>
    </font>
    <font>
      <sz val="14"/>
      <name val="Meiryo UI"/>
      <family val="3"/>
      <charset val="128"/>
    </font>
    <font>
      <sz val="14"/>
      <name val="HG創英角ﾎﾟｯﾌﾟ体"/>
      <family val="3"/>
      <charset val="128"/>
    </font>
    <font>
      <sz val="22"/>
      <name val="ＭＳ Ｐゴシック"/>
      <family val="3"/>
      <charset val="128"/>
    </font>
  </fonts>
  <fills count="2">
    <fill>
      <patternFill patternType="none"/>
    </fill>
    <fill>
      <patternFill patternType="gray125"/>
    </fill>
  </fills>
  <borders count="7">
    <border>
      <left/>
      <right/>
      <top/>
      <bottom/>
      <diagonal/>
    </border>
    <border>
      <left/>
      <right/>
      <top style="thin">
        <color indexed="64"/>
      </top>
      <bottom style="thin">
        <color indexed="64"/>
      </bottom>
      <diagonal/>
    </border>
    <border>
      <left/>
      <right/>
      <top/>
      <bottom style="thin">
        <color indexed="64"/>
      </bottom>
      <diagonal/>
    </border>
    <border>
      <left/>
      <right/>
      <top style="double">
        <color indexed="64"/>
      </top>
      <bottom style="double">
        <color indexed="64"/>
      </bottom>
      <diagonal/>
    </border>
    <border>
      <left style="medium">
        <color indexed="64"/>
      </left>
      <right style="medium">
        <color indexed="64"/>
      </right>
      <top style="medium">
        <color indexed="64"/>
      </top>
      <bottom style="medium">
        <color indexed="64"/>
      </bottom>
      <diagonal/>
    </border>
    <border>
      <left/>
      <right/>
      <top/>
      <bottom style="double">
        <color indexed="64"/>
      </bottom>
      <diagonal/>
    </border>
    <border>
      <left style="medium">
        <color indexed="64"/>
      </left>
      <right/>
      <top/>
      <bottom/>
      <diagonal/>
    </border>
  </borders>
  <cellStyleXfs count="3">
    <xf numFmtId="0" fontId="0" fillId="0" borderId="0">
      <alignment vertical="center"/>
    </xf>
    <xf numFmtId="38" fontId="1" fillId="0" borderId="0" applyFont="0" applyFill="0" applyBorder="0" applyAlignment="0" applyProtection="0">
      <alignment vertical="center"/>
    </xf>
    <xf numFmtId="0" fontId="1" fillId="0" borderId="0">
      <alignment vertical="center"/>
    </xf>
  </cellStyleXfs>
  <cellXfs count="37">
    <xf numFmtId="0" fontId="0" fillId="0" borderId="0" xfId="0">
      <alignment vertical="center"/>
    </xf>
    <xf numFmtId="0" fontId="1" fillId="0" borderId="0" xfId="2">
      <alignment vertical="center"/>
    </xf>
    <xf numFmtId="0" fontId="1" fillId="0" borderId="0" xfId="2" applyAlignment="1">
      <alignment horizontal="right" vertical="center"/>
    </xf>
    <xf numFmtId="38" fontId="1" fillId="0" borderId="0" xfId="2" applyNumberFormat="1">
      <alignment vertical="center"/>
    </xf>
    <xf numFmtId="0" fontId="1" fillId="0" borderId="0" xfId="2" applyBorder="1" applyAlignment="1">
      <alignment horizontal="left" vertical="top"/>
    </xf>
    <xf numFmtId="0" fontId="1" fillId="0" borderId="0" xfId="2" applyBorder="1">
      <alignment vertical="center"/>
    </xf>
    <xf numFmtId="0" fontId="1" fillId="0" borderId="0" xfId="2" applyBorder="1" applyAlignment="1">
      <alignment vertical="center"/>
    </xf>
    <xf numFmtId="0" fontId="0" fillId="0" borderId="0" xfId="2" applyFont="1">
      <alignment vertical="center"/>
    </xf>
    <xf numFmtId="0" fontId="5" fillId="0" borderId="0" xfId="2" applyFont="1">
      <alignment vertical="center"/>
    </xf>
    <xf numFmtId="0" fontId="4" fillId="0" borderId="0" xfId="2" applyFont="1" applyBorder="1">
      <alignment vertical="center"/>
    </xf>
    <xf numFmtId="0" fontId="4" fillId="0" borderId="0" xfId="2" applyFont="1" applyAlignment="1">
      <alignment horizontal="right" vertical="center"/>
    </xf>
    <xf numFmtId="0" fontId="6" fillId="0" borderId="0" xfId="2" applyFont="1">
      <alignment vertical="center"/>
    </xf>
    <xf numFmtId="0" fontId="7" fillId="0" borderId="0" xfId="2" applyFont="1">
      <alignment vertical="center"/>
    </xf>
    <xf numFmtId="0" fontId="9" fillId="0" borderId="0" xfId="2" applyFont="1" applyBorder="1">
      <alignment vertical="center"/>
    </xf>
    <xf numFmtId="0" fontId="1" fillId="0" borderId="4" xfId="2" applyBorder="1" applyAlignment="1">
      <alignment horizontal="center" vertical="center"/>
    </xf>
    <xf numFmtId="0" fontId="1" fillId="0" borderId="0" xfId="2" applyBorder="1" applyAlignment="1">
      <alignment vertical="top"/>
    </xf>
    <xf numFmtId="0" fontId="1" fillId="0" borderId="0" xfId="2" applyBorder="1" applyAlignment="1">
      <alignment horizontal="left" vertical="top"/>
    </xf>
    <xf numFmtId="0" fontId="1" fillId="0" borderId="0" xfId="2" applyBorder="1" applyAlignment="1">
      <alignment horizontal="left" vertical="top"/>
    </xf>
    <xf numFmtId="0" fontId="12" fillId="0" borderId="0" xfId="2" applyFont="1">
      <alignment vertical="center"/>
    </xf>
    <xf numFmtId="0" fontId="11" fillId="0" borderId="0" xfId="2" applyFont="1">
      <alignment vertical="center"/>
    </xf>
    <xf numFmtId="0" fontId="13" fillId="0" borderId="0" xfId="2" applyFont="1" applyBorder="1">
      <alignment vertical="center"/>
    </xf>
    <xf numFmtId="0" fontId="7" fillId="0" borderId="6" xfId="2" applyFont="1" applyBorder="1" applyAlignment="1">
      <alignment horizontal="left" vertical="center" wrapText="1"/>
    </xf>
    <xf numFmtId="0" fontId="7" fillId="0" borderId="0" xfId="2" applyFont="1" applyAlignment="1">
      <alignment horizontal="left" vertical="center" wrapText="1"/>
    </xf>
    <xf numFmtId="0" fontId="6" fillId="0" borderId="0" xfId="2" applyFont="1" applyAlignment="1">
      <alignment horizontal="left" vertical="center" wrapText="1"/>
    </xf>
    <xf numFmtId="0" fontId="0" fillId="0" borderId="0" xfId="2" applyFont="1" applyBorder="1" applyAlignment="1">
      <alignment horizontal="left" vertical="top" wrapText="1"/>
    </xf>
    <xf numFmtId="0" fontId="1" fillId="0" borderId="0" xfId="2" applyBorder="1" applyAlignment="1">
      <alignment horizontal="left" vertical="top" wrapText="1"/>
    </xf>
    <xf numFmtId="0" fontId="10" fillId="0" borderId="0" xfId="2" applyFont="1" applyAlignment="1">
      <alignment horizontal="center" vertical="center"/>
    </xf>
    <xf numFmtId="0" fontId="14" fillId="0" borderId="0" xfId="2" applyFont="1" applyBorder="1" applyAlignment="1">
      <alignment horizontal="left" vertical="center" wrapText="1"/>
    </xf>
    <xf numFmtId="0" fontId="8" fillId="0" borderId="5" xfId="2" applyFont="1" applyBorder="1" applyAlignment="1">
      <alignment horizontal="left" vertical="center"/>
    </xf>
    <xf numFmtId="0" fontId="8" fillId="0" borderId="3" xfId="2" applyFont="1" applyBorder="1" applyAlignment="1">
      <alignment horizontal="left" vertical="center"/>
    </xf>
    <xf numFmtId="0" fontId="9" fillId="0" borderId="1" xfId="2" applyFont="1" applyBorder="1" applyAlignment="1">
      <alignment horizontal="left" vertical="center"/>
    </xf>
    <xf numFmtId="0" fontId="9" fillId="0" borderId="2" xfId="2" applyFont="1" applyBorder="1" applyAlignment="1">
      <alignment horizontal="left" vertical="center"/>
    </xf>
    <xf numFmtId="0" fontId="7" fillId="0" borderId="0" xfId="2" applyFont="1" applyAlignment="1">
      <alignment horizontal="left" vertical="center"/>
    </xf>
    <xf numFmtId="0" fontId="13" fillId="0" borderId="0" xfId="2" applyFont="1" applyBorder="1" applyAlignment="1">
      <alignment horizontal="left" vertical="center" wrapText="1"/>
    </xf>
    <xf numFmtId="0" fontId="12" fillId="0" borderId="0" xfId="2" applyFont="1" applyBorder="1" applyAlignment="1">
      <alignment horizontal="left" vertical="center"/>
    </xf>
    <xf numFmtId="0" fontId="8" fillId="0" borderId="3" xfId="2" applyFont="1" applyBorder="1" applyAlignment="1">
      <alignment horizontal="left" vertical="center" wrapText="1"/>
    </xf>
    <xf numFmtId="0" fontId="15" fillId="0" borderId="4" xfId="2" applyFont="1" applyBorder="1" applyAlignment="1">
      <alignment horizontal="center" vertical="center"/>
    </xf>
  </cellXfs>
  <cellStyles count="3">
    <cellStyle name="桁区切り 2" xfId="1"/>
    <cellStyle name="標準" xfId="0" builtinId="0"/>
    <cellStyle name="標準 2" xfId="2"/>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0</xdr:col>
      <xdr:colOff>52918</xdr:colOff>
      <xdr:row>23</xdr:row>
      <xdr:rowOff>190501</xdr:rowOff>
    </xdr:from>
    <xdr:to>
      <xdr:col>8</xdr:col>
      <xdr:colOff>264583</xdr:colOff>
      <xdr:row>24</xdr:row>
      <xdr:rowOff>1883834</xdr:rowOff>
    </xdr:to>
    <xdr:sp macro="" textlink="">
      <xdr:nvSpPr>
        <xdr:cNvPr id="2" name="大かっこ 1"/>
        <xdr:cNvSpPr/>
      </xdr:nvSpPr>
      <xdr:spPr>
        <a:xfrm>
          <a:off x="52918" y="10439401"/>
          <a:ext cx="7359225" cy="1845733"/>
        </a:xfrm>
        <a:prstGeom prst="bracketPair">
          <a:avLst/>
        </a:prstGeom>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0</xdr:col>
      <xdr:colOff>52918</xdr:colOff>
      <xdr:row>23</xdr:row>
      <xdr:rowOff>190501</xdr:rowOff>
    </xdr:from>
    <xdr:to>
      <xdr:col>8</xdr:col>
      <xdr:colOff>264583</xdr:colOff>
      <xdr:row>24</xdr:row>
      <xdr:rowOff>1883834</xdr:rowOff>
    </xdr:to>
    <xdr:sp macro="" textlink="">
      <xdr:nvSpPr>
        <xdr:cNvPr id="7" name="大かっこ 6"/>
        <xdr:cNvSpPr/>
      </xdr:nvSpPr>
      <xdr:spPr>
        <a:xfrm>
          <a:off x="52918" y="8743951"/>
          <a:ext cx="7603065" cy="1960033"/>
        </a:xfrm>
        <a:prstGeom prst="bracketPair">
          <a:avLst/>
        </a:prstGeom>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3</xdr:col>
      <xdr:colOff>677333</xdr:colOff>
      <xdr:row>8</xdr:row>
      <xdr:rowOff>465667</xdr:rowOff>
    </xdr:from>
    <xdr:to>
      <xdr:col>7</xdr:col>
      <xdr:colOff>1134534</xdr:colOff>
      <xdr:row>14</xdr:row>
      <xdr:rowOff>245534</xdr:rowOff>
    </xdr:to>
    <xdr:sp macro="" textlink="">
      <xdr:nvSpPr>
        <xdr:cNvPr id="3" name="角丸四角形吹き出し 2"/>
        <xdr:cNvSpPr/>
      </xdr:nvSpPr>
      <xdr:spPr>
        <a:xfrm>
          <a:off x="2048933" y="3005667"/>
          <a:ext cx="5096934" cy="2971800"/>
        </a:xfrm>
        <a:custGeom>
          <a:avLst/>
          <a:gdLst>
            <a:gd name="connsiteX0" fmla="*/ 0 w 5105400"/>
            <a:gd name="connsiteY0" fmla="*/ 618079 h 3708400"/>
            <a:gd name="connsiteX1" fmla="*/ 618079 w 5105400"/>
            <a:gd name="connsiteY1" fmla="*/ 0 h 3708400"/>
            <a:gd name="connsiteX2" fmla="*/ 850900 w 5105400"/>
            <a:gd name="connsiteY2" fmla="*/ 0 h 3708400"/>
            <a:gd name="connsiteX3" fmla="*/ 850900 w 5105400"/>
            <a:gd name="connsiteY3" fmla="*/ 0 h 3708400"/>
            <a:gd name="connsiteX4" fmla="*/ 2127250 w 5105400"/>
            <a:gd name="connsiteY4" fmla="*/ 0 h 3708400"/>
            <a:gd name="connsiteX5" fmla="*/ 4487321 w 5105400"/>
            <a:gd name="connsiteY5" fmla="*/ 0 h 3708400"/>
            <a:gd name="connsiteX6" fmla="*/ 5105400 w 5105400"/>
            <a:gd name="connsiteY6" fmla="*/ 618079 h 3708400"/>
            <a:gd name="connsiteX7" fmla="*/ 5105400 w 5105400"/>
            <a:gd name="connsiteY7" fmla="*/ 2163233 h 3708400"/>
            <a:gd name="connsiteX8" fmla="*/ 5105400 w 5105400"/>
            <a:gd name="connsiteY8" fmla="*/ 2163233 h 3708400"/>
            <a:gd name="connsiteX9" fmla="*/ 5105400 w 5105400"/>
            <a:gd name="connsiteY9" fmla="*/ 3090333 h 3708400"/>
            <a:gd name="connsiteX10" fmla="*/ 5105400 w 5105400"/>
            <a:gd name="connsiteY10" fmla="*/ 3090321 h 3708400"/>
            <a:gd name="connsiteX11" fmla="*/ 4487321 w 5105400"/>
            <a:gd name="connsiteY11" fmla="*/ 3708400 h 3708400"/>
            <a:gd name="connsiteX12" fmla="*/ 2127250 w 5105400"/>
            <a:gd name="connsiteY12" fmla="*/ 3708400 h 3708400"/>
            <a:gd name="connsiteX13" fmla="*/ 850900 w 5105400"/>
            <a:gd name="connsiteY13" fmla="*/ 3708400 h 3708400"/>
            <a:gd name="connsiteX14" fmla="*/ 850900 w 5105400"/>
            <a:gd name="connsiteY14" fmla="*/ 3708400 h 3708400"/>
            <a:gd name="connsiteX15" fmla="*/ 618079 w 5105400"/>
            <a:gd name="connsiteY15" fmla="*/ 3708400 h 3708400"/>
            <a:gd name="connsiteX16" fmla="*/ 0 w 5105400"/>
            <a:gd name="connsiteY16" fmla="*/ 3090321 h 3708400"/>
            <a:gd name="connsiteX17" fmla="*/ 0 w 5105400"/>
            <a:gd name="connsiteY17" fmla="*/ 3090333 h 3708400"/>
            <a:gd name="connsiteX18" fmla="*/ -1357066 w 5105400"/>
            <a:gd name="connsiteY18" fmla="*/ 2540922 h 3708400"/>
            <a:gd name="connsiteX19" fmla="*/ 0 w 5105400"/>
            <a:gd name="connsiteY19" fmla="*/ 2163233 h 3708400"/>
            <a:gd name="connsiteX20" fmla="*/ 0 w 5105400"/>
            <a:gd name="connsiteY20" fmla="*/ 618079 h 3708400"/>
            <a:gd name="connsiteX0" fmla="*/ 2399 w 5107799"/>
            <a:gd name="connsiteY0" fmla="*/ 618079 h 3708400"/>
            <a:gd name="connsiteX1" fmla="*/ 620478 w 5107799"/>
            <a:gd name="connsiteY1" fmla="*/ 0 h 3708400"/>
            <a:gd name="connsiteX2" fmla="*/ 853299 w 5107799"/>
            <a:gd name="connsiteY2" fmla="*/ 0 h 3708400"/>
            <a:gd name="connsiteX3" fmla="*/ 853299 w 5107799"/>
            <a:gd name="connsiteY3" fmla="*/ 0 h 3708400"/>
            <a:gd name="connsiteX4" fmla="*/ 2129649 w 5107799"/>
            <a:gd name="connsiteY4" fmla="*/ 0 h 3708400"/>
            <a:gd name="connsiteX5" fmla="*/ 4489720 w 5107799"/>
            <a:gd name="connsiteY5" fmla="*/ 0 h 3708400"/>
            <a:gd name="connsiteX6" fmla="*/ 5107799 w 5107799"/>
            <a:gd name="connsiteY6" fmla="*/ 618079 h 3708400"/>
            <a:gd name="connsiteX7" fmla="*/ 5107799 w 5107799"/>
            <a:gd name="connsiteY7" fmla="*/ 2163233 h 3708400"/>
            <a:gd name="connsiteX8" fmla="*/ 5107799 w 5107799"/>
            <a:gd name="connsiteY8" fmla="*/ 2163233 h 3708400"/>
            <a:gd name="connsiteX9" fmla="*/ 5107799 w 5107799"/>
            <a:gd name="connsiteY9" fmla="*/ 3090333 h 3708400"/>
            <a:gd name="connsiteX10" fmla="*/ 5107799 w 5107799"/>
            <a:gd name="connsiteY10" fmla="*/ 3090321 h 3708400"/>
            <a:gd name="connsiteX11" fmla="*/ 4489720 w 5107799"/>
            <a:gd name="connsiteY11" fmla="*/ 3708400 h 3708400"/>
            <a:gd name="connsiteX12" fmla="*/ 2129649 w 5107799"/>
            <a:gd name="connsiteY12" fmla="*/ 3708400 h 3708400"/>
            <a:gd name="connsiteX13" fmla="*/ 853299 w 5107799"/>
            <a:gd name="connsiteY13" fmla="*/ 3708400 h 3708400"/>
            <a:gd name="connsiteX14" fmla="*/ 853299 w 5107799"/>
            <a:gd name="connsiteY14" fmla="*/ 3708400 h 3708400"/>
            <a:gd name="connsiteX15" fmla="*/ 620478 w 5107799"/>
            <a:gd name="connsiteY15" fmla="*/ 3708400 h 3708400"/>
            <a:gd name="connsiteX16" fmla="*/ 2399 w 5107799"/>
            <a:gd name="connsiteY16" fmla="*/ 3090321 h 3708400"/>
            <a:gd name="connsiteX17" fmla="*/ 2399 w 5107799"/>
            <a:gd name="connsiteY17" fmla="*/ 3090333 h 3708400"/>
            <a:gd name="connsiteX18" fmla="*/ 0 w 5107799"/>
            <a:gd name="connsiteY18" fmla="*/ 2515522 h 3708400"/>
            <a:gd name="connsiteX19" fmla="*/ 2399 w 5107799"/>
            <a:gd name="connsiteY19" fmla="*/ 2163233 h 3708400"/>
            <a:gd name="connsiteX20" fmla="*/ 2399 w 5107799"/>
            <a:gd name="connsiteY20" fmla="*/ 618079 h 37084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Lst>
          <a:rect l="l" t="t" r="r" b="b"/>
          <a:pathLst>
            <a:path w="5107799" h="3708400">
              <a:moveTo>
                <a:pt x="2399" y="618079"/>
              </a:moveTo>
              <a:cubicBezTo>
                <a:pt x="2399" y="276723"/>
                <a:pt x="279122" y="0"/>
                <a:pt x="620478" y="0"/>
              </a:cubicBezTo>
              <a:lnTo>
                <a:pt x="853299" y="0"/>
              </a:lnTo>
              <a:lnTo>
                <a:pt x="853299" y="0"/>
              </a:lnTo>
              <a:lnTo>
                <a:pt x="2129649" y="0"/>
              </a:lnTo>
              <a:lnTo>
                <a:pt x="4489720" y="0"/>
              </a:lnTo>
              <a:cubicBezTo>
                <a:pt x="4831076" y="0"/>
                <a:pt x="5107799" y="276723"/>
                <a:pt x="5107799" y="618079"/>
              </a:cubicBezTo>
              <a:lnTo>
                <a:pt x="5107799" y="2163233"/>
              </a:lnTo>
              <a:lnTo>
                <a:pt x="5107799" y="2163233"/>
              </a:lnTo>
              <a:lnTo>
                <a:pt x="5107799" y="3090333"/>
              </a:lnTo>
              <a:lnTo>
                <a:pt x="5107799" y="3090321"/>
              </a:lnTo>
              <a:cubicBezTo>
                <a:pt x="5107799" y="3431677"/>
                <a:pt x="4831076" y="3708400"/>
                <a:pt x="4489720" y="3708400"/>
              </a:cubicBezTo>
              <a:lnTo>
                <a:pt x="2129649" y="3708400"/>
              </a:lnTo>
              <a:lnTo>
                <a:pt x="853299" y="3708400"/>
              </a:lnTo>
              <a:lnTo>
                <a:pt x="853299" y="3708400"/>
              </a:lnTo>
              <a:lnTo>
                <a:pt x="620478" y="3708400"/>
              </a:lnTo>
              <a:cubicBezTo>
                <a:pt x="279122" y="3708400"/>
                <a:pt x="2399" y="3431677"/>
                <a:pt x="2399" y="3090321"/>
              </a:cubicBezTo>
              <a:lnTo>
                <a:pt x="2399" y="3090333"/>
              </a:lnTo>
              <a:cubicBezTo>
                <a:pt x="1599" y="2898729"/>
                <a:pt x="800" y="2707126"/>
                <a:pt x="0" y="2515522"/>
              </a:cubicBezTo>
              <a:cubicBezTo>
                <a:pt x="800" y="2398092"/>
                <a:pt x="1599" y="2280663"/>
                <a:pt x="2399" y="2163233"/>
              </a:cubicBezTo>
              <a:lnTo>
                <a:pt x="2399" y="618079"/>
              </a:lnTo>
              <a:close/>
            </a:path>
          </a:pathLst>
        </a:custGeom>
        <a:solidFill>
          <a:schemeClr val="accent3">
            <a:lumMod val="60000"/>
            <a:lumOff val="40000"/>
          </a:schemeClr>
        </a:solidFill>
        <a:ln w="57150">
          <a:prstDash val="dash"/>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l"/>
          <a:r>
            <a:rPr kumimoji="1" lang="ja-JP" altLang="en-US" sz="1400">
              <a:solidFill>
                <a:sysClr val="windowText" lastClr="000000"/>
              </a:solidFill>
            </a:rPr>
            <a:t>　　　　＜次の観点で分類してください＞</a:t>
          </a:r>
          <a:endParaRPr kumimoji="1" lang="en-US" altLang="ja-JP" sz="1400">
            <a:solidFill>
              <a:sysClr val="windowText" lastClr="000000"/>
            </a:solidFill>
          </a:endParaRPr>
        </a:p>
        <a:p>
          <a:pPr algn="l"/>
          <a:r>
            <a:rPr kumimoji="1" lang="ja-JP" altLang="en-US" sz="1400">
              <a:solidFill>
                <a:sysClr val="windowText" lastClr="000000"/>
              </a:solidFill>
            </a:rPr>
            <a:t>　　　　①　指導要録作成システム</a:t>
          </a:r>
          <a:endParaRPr kumimoji="1" lang="en-US" altLang="ja-JP" sz="1400">
            <a:solidFill>
              <a:sysClr val="windowText" lastClr="000000"/>
            </a:solidFill>
          </a:endParaRPr>
        </a:p>
        <a:p>
          <a:pPr algn="l"/>
          <a:r>
            <a:rPr kumimoji="1" lang="ja-JP" altLang="en-US" sz="1400">
              <a:solidFill>
                <a:sysClr val="windowText" lastClr="000000"/>
              </a:solidFill>
            </a:rPr>
            <a:t>　　　　②　園児台帳等作成システム等　　　　　</a:t>
          </a:r>
          <a:endParaRPr kumimoji="1" lang="en-US" altLang="ja-JP" sz="1400">
            <a:solidFill>
              <a:sysClr val="windowText" lastClr="000000"/>
            </a:solidFill>
          </a:endParaRPr>
        </a:p>
        <a:p>
          <a:pPr algn="l"/>
          <a:r>
            <a:rPr kumimoji="1" lang="ja-JP" altLang="en-US" sz="1400">
              <a:solidFill>
                <a:sysClr val="windowText" lastClr="000000"/>
              </a:solidFill>
            </a:rPr>
            <a:t>　　　　③　一斉連絡システムやホームページに</a:t>
          </a:r>
          <a:endParaRPr kumimoji="1" lang="en-US" altLang="ja-JP" sz="1400">
            <a:solidFill>
              <a:sysClr val="windowText" lastClr="000000"/>
            </a:solidFill>
          </a:endParaRPr>
        </a:p>
        <a:p>
          <a:pPr algn="l"/>
          <a:r>
            <a:rPr kumimoji="1" lang="ja-JP" altLang="en-US" sz="1400">
              <a:solidFill>
                <a:sysClr val="windowText" lastClr="000000"/>
              </a:solidFill>
            </a:rPr>
            <a:t>　　　　　　保護者向けお知らせ機能を追加等</a:t>
          </a:r>
          <a:endParaRPr kumimoji="1" lang="en-US" altLang="ja-JP" sz="1400">
            <a:solidFill>
              <a:sysClr val="windowText" lastClr="000000"/>
            </a:solidFill>
          </a:endParaRPr>
        </a:p>
        <a:p>
          <a:pPr algn="l"/>
          <a:r>
            <a:rPr kumimoji="1" lang="ja-JP" altLang="en-US" sz="1400">
              <a:solidFill>
                <a:sysClr val="windowText" lastClr="000000"/>
              </a:solidFill>
            </a:rPr>
            <a:t>　　　　　</a:t>
          </a:r>
          <a:endParaRPr kumimoji="1" lang="en-US" altLang="ja-JP" sz="1400">
            <a:solidFill>
              <a:sysClr val="windowText" lastClr="000000"/>
            </a:solidFill>
          </a:endParaRPr>
        </a:p>
        <a:p>
          <a:pPr algn="l"/>
          <a:r>
            <a:rPr kumimoji="1" lang="ja-JP" altLang="en-US" sz="1400">
              <a:solidFill>
                <a:sysClr val="windowText" lastClr="000000"/>
              </a:solidFill>
            </a:rPr>
            <a:t>　　　　④　パソコンやタブレット等　　　　　　　　　　</a:t>
          </a:r>
          <a:endParaRPr kumimoji="1" lang="en-US" altLang="ja-JP" sz="1400">
            <a:solidFill>
              <a:sysClr val="windowText" lastClr="000000"/>
            </a:solidFill>
          </a:endParaRPr>
        </a:p>
        <a:p>
          <a:pPr algn="l"/>
          <a:r>
            <a:rPr kumimoji="1" lang="ja-JP" altLang="en-US" sz="1400">
              <a:solidFill>
                <a:sysClr val="windowText" lastClr="000000"/>
              </a:solidFill>
            </a:rPr>
            <a:t>　　　　⑤　①～④を利用するために必要となる最低限の備品等</a:t>
          </a:r>
        </a:p>
        <a:p>
          <a:pPr algn="l"/>
          <a:r>
            <a:rPr kumimoji="1" lang="ja-JP" altLang="en-US" sz="1400">
              <a:solidFill>
                <a:sysClr val="windowText" lastClr="000000"/>
              </a:solidFill>
            </a:rPr>
            <a:t>　　　　⑥　①～⑤で導入するシステムやパソコン等で利用する</a:t>
          </a:r>
          <a:endParaRPr kumimoji="1" lang="en-US" altLang="ja-JP" sz="1400">
            <a:solidFill>
              <a:sysClr val="windowText" lastClr="000000"/>
            </a:solidFill>
          </a:endParaRPr>
        </a:p>
        <a:p>
          <a:pPr algn="l"/>
          <a:r>
            <a:rPr kumimoji="1" lang="ja-JP" altLang="en-US" sz="1400">
              <a:solidFill>
                <a:sysClr val="windowText" lastClr="000000"/>
              </a:solidFill>
            </a:rPr>
            <a:t>　　　　　　アクセスポイント設置工事等</a:t>
          </a:r>
        </a:p>
      </xdr:txBody>
    </xdr:sp>
    <xdr:clientData/>
  </xdr:twoCellAnchor>
  <xdr:twoCellAnchor>
    <xdr:from>
      <xdr:col>4</xdr:col>
      <xdr:colOff>127000</xdr:colOff>
      <xdr:row>17</xdr:row>
      <xdr:rowOff>203200</xdr:rowOff>
    </xdr:from>
    <xdr:to>
      <xdr:col>5</xdr:col>
      <xdr:colOff>1498600</xdr:colOff>
      <xdr:row>20</xdr:row>
      <xdr:rowOff>465666</xdr:rowOff>
    </xdr:to>
    <xdr:sp macro="" textlink="">
      <xdr:nvSpPr>
        <xdr:cNvPr id="4" name="角丸四角形吹き出し 3"/>
        <xdr:cNvSpPr/>
      </xdr:nvSpPr>
      <xdr:spPr>
        <a:xfrm>
          <a:off x="2286000" y="7408333"/>
          <a:ext cx="2294467" cy="1854200"/>
        </a:xfrm>
        <a:prstGeom prst="wedgeRoundRectCallout">
          <a:avLst>
            <a:gd name="adj1" fmla="val 59710"/>
            <a:gd name="adj2" fmla="val -71067"/>
            <a:gd name="adj3" fmla="val 16667"/>
          </a:avLst>
        </a:prstGeom>
        <a:solidFill>
          <a:schemeClr val="accent3">
            <a:lumMod val="60000"/>
            <a:lumOff val="4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l"/>
          <a:r>
            <a:rPr kumimoji="1" lang="ja-JP" altLang="en-US" sz="1100">
              <a:solidFill>
                <a:sysClr val="windowText" lastClr="000000"/>
              </a:solidFill>
            </a:rPr>
            <a:t>④～⑥を選択した場合、必ず回答してください。（）の中に回答の仕方が記載してありますので、上の例にならって記載してください。</a:t>
          </a:r>
          <a:endParaRPr kumimoji="1" lang="en-US" altLang="ja-JP" sz="1100">
            <a:solidFill>
              <a:sysClr val="windowText" lastClr="000000"/>
            </a:solidFill>
          </a:endParaRPr>
        </a:p>
      </xdr:txBody>
    </xdr:sp>
    <xdr:clientData/>
  </xdr:twoCellAnchor>
  <xdr:twoCellAnchor>
    <xdr:from>
      <xdr:col>0</xdr:col>
      <xdr:colOff>52918</xdr:colOff>
      <xdr:row>23</xdr:row>
      <xdr:rowOff>190501</xdr:rowOff>
    </xdr:from>
    <xdr:to>
      <xdr:col>8</xdr:col>
      <xdr:colOff>264583</xdr:colOff>
      <xdr:row>24</xdr:row>
      <xdr:rowOff>1883834</xdr:rowOff>
    </xdr:to>
    <xdr:sp macro="" textlink="">
      <xdr:nvSpPr>
        <xdr:cNvPr id="5" name="大かっこ 4"/>
        <xdr:cNvSpPr/>
      </xdr:nvSpPr>
      <xdr:spPr>
        <a:xfrm>
          <a:off x="52918" y="9044941"/>
          <a:ext cx="7359225" cy="1845733"/>
        </a:xfrm>
        <a:prstGeom prst="bracketPair">
          <a:avLst/>
        </a:prstGeom>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5</xdr:col>
      <xdr:colOff>84666</xdr:colOff>
      <xdr:row>24</xdr:row>
      <xdr:rowOff>364067</xdr:rowOff>
    </xdr:from>
    <xdr:to>
      <xdr:col>7</xdr:col>
      <xdr:colOff>1098548</xdr:colOff>
      <xdr:row>25</xdr:row>
      <xdr:rowOff>16931</xdr:rowOff>
    </xdr:to>
    <xdr:sp macro="" textlink="">
      <xdr:nvSpPr>
        <xdr:cNvPr id="6" name="角丸四角形吹き出し 5"/>
        <xdr:cNvSpPr/>
      </xdr:nvSpPr>
      <xdr:spPr>
        <a:xfrm>
          <a:off x="3166533" y="10820400"/>
          <a:ext cx="3943348" cy="1498598"/>
        </a:xfrm>
        <a:prstGeom prst="wedgeRoundRectCallout">
          <a:avLst>
            <a:gd name="adj1" fmla="val -65465"/>
            <a:gd name="adj2" fmla="val -55208"/>
            <a:gd name="adj3" fmla="val 16667"/>
          </a:avLst>
        </a:prstGeom>
        <a:solidFill>
          <a:schemeClr val="accent3">
            <a:lumMod val="60000"/>
            <a:lumOff val="40000"/>
          </a:schemeClr>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l"/>
          <a:r>
            <a:rPr kumimoji="1" lang="ja-JP" altLang="en-US" sz="1100">
              <a:solidFill>
                <a:sysClr val="windowText" lastClr="000000"/>
              </a:solidFill>
            </a:rPr>
            <a:t>システムや備品の必要性及び利用方法を具体的に記載してください。導入目的は、事業概要、提出書類及び注意事項やＱ＆Ａを参考に記載してください。（誰が、何処で、どんなシステム（備品）を、何台、といったことが把握出来るように記載してください。導入するシステムや備品は、教育の質を向上させるものである必要があります。）</a:t>
          </a:r>
          <a:endParaRPr kumimoji="1" lang="en-US" altLang="ja-JP" sz="1100">
            <a:solidFill>
              <a:sysClr val="windowText" lastClr="000000"/>
            </a:solidFill>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46"/>
  <sheetViews>
    <sheetView view="pageBreakPreview" topLeftCell="A7" zoomScale="90" zoomScaleNormal="80" zoomScaleSheetLayoutView="90" workbookViewId="0">
      <selection activeCell="A3" sqref="A3"/>
    </sheetView>
  </sheetViews>
  <sheetFormatPr defaultRowHeight="13.2" x14ac:dyDescent="0.2"/>
  <cols>
    <col min="1" max="1" width="2.33203125" style="1" customWidth="1"/>
    <col min="2" max="2" width="6.109375" style="1" customWidth="1"/>
    <col min="3" max="4" width="11.44140625" style="1" customWidth="1"/>
    <col min="5" max="5" width="13.44140625" style="1" customWidth="1"/>
    <col min="6" max="6" width="25.88671875" style="1" customWidth="1"/>
    <col min="7" max="8" width="16.77734375" style="1" customWidth="1"/>
    <col min="9" max="9" width="4.44140625" style="1" customWidth="1"/>
    <col min="10" max="10" width="6" style="1" customWidth="1"/>
    <col min="11" max="257" width="8.88671875" style="1"/>
    <col min="258" max="265" width="11.88671875" style="1" customWidth="1"/>
    <col min="266" max="513" width="8.88671875" style="1"/>
    <col min="514" max="521" width="11.88671875" style="1" customWidth="1"/>
    <col min="522" max="769" width="8.88671875" style="1"/>
    <col min="770" max="777" width="11.88671875" style="1" customWidth="1"/>
    <col min="778" max="1025" width="8.88671875" style="1"/>
    <col min="1026" max="1033" width="11.88671875" style="1" customWidth="1"/>
    <col min="1034" max="1281" width="8.88671875" style="1"/>
    <col min="1282" max="1289" width="11.88671875" style="1" customWidth="1"/>
    <col min="1290" max="1537" width="8.88671875" style="1"/>
    <col min="1538" max="1545" width="11.88671875" style="1" customWidth="1"/>
    <col min="1546" max="1793" width="8.88671875" style="1"/>
    <col min="1794" max="1801" width="11.88671875" style="1" customWidth="1"/>
    <col min="1802" max="2049" width="8.88671875" style="1"/>
    <col min="2050" max="2057" width="11.88671875" style="1" customWidth="1"/>
    <col min="2058" max="2305" width="8.88671875" style="1"/>
    <col min="2306" max="2313" width="11.88671875" style="1" customWidth="1"/>
    <col min="2314" max="2561" width="8.88671875" style="1"/>
    <col min="2562" max="2569" width="11.88671875" style="1" customWidth="1"/>
    <col min="2570" max="2817" width="8.88671875" style="1"/>
    <col min="2818" max="2825" width="11.88671875" style="1" customWidth="1"/>
    <col min="2826" max="3073" width="8.88671875" style="1"/>
    <col min="3074" max="3081" width="11.88671875" style="1" customWidth="1"/>
    <col min="3082" max="3329" width="8.88671875" style="1"/>
    <col min="3330" max="3337" width="11.88671875" style="1" customWidth="1"/>
    <col min="3338" max="3585" width="8.88671875" style="1"/>
    <col min="3586" max="3593" width="11.88671875" style="1" customWidth="1"/>
    <col min="3594" max="3841" width="8.88671875" style="1"/>
    <col min="3842" max="3849" width="11.88671875" style="1" customWidth="1"/>
    <col min="3850" max="4097" width="8.88671875" style="1"/>
    <col min="4098" max="4105" width="11.88671875" style="1" customWidth="1"/>
    <col min="4106" max="4353" width="8.88671875" style="1"/>
    <col min="4354" max="4361" width="11.88671875" style="1" customWidth="1"/>
    <col min="4362" max="4609" width="8.88671875" style="1"/>
    <col min="4610" max="4617" width="11.88671875" style="1" customWidth="1"/>
    <col min="4618" max="4865" width="8.88671875" style="1"/>
    <col min="4866" max="4873" width="11.88671875" style="1" customWidth="1"/>
    <col min="4874" max="5121" width="8.88671875" style="1"/>
    <col min="5122" max="5129" width="11.88671875" style="1" customWidth="1"/>
    <col min="5130" max="5377" width="8.88671875" style="1"/>
    <col min="5378" max="5385" width="11.88671875" style="1" customWidth="1"/>
    <col min="5386" max="5633" width="8.88671875" style="1"/>
    <col min="5634" max="5641" width="11.88671875" style="1" customWidth="1"/>
    <col min="5642" max="5889" width="8.88671875" style="1"/>
    <col min="5890" max="5897" width="11.88671875" style="1" customWidth="1"/>
    <col min="5898" max="6145" width="8.88671875" style="1"/>
    <col min="6146" max="6153" width="11.88671875" style="1" customWidth="1"/>
    <col min="6154" max="6401" width="8.88671875" style="1"/>
    <col min="6402" max="6409" width="11.88671875" style="1" customWidth="1"/>
    <col min="6410" max="6657" width="8.88671875" style="1"/>
    <col min="6658" max="6665" width="11.88671875" style="1" customWidth="1"/>
    <col min="6666" max="6913" width="8.88671875" style="1"/>
    <col min="6914" max="6921" width="11.88671875" style="1" customWidth="1"/>
    <col min="6922" max="7169" width="8.88671875" style="1"/>
    <col min="7170" max="7177" width="11.88671875" style="1" customWidth="1"/>
    <col min="7178" max="7425" width="8.88671875" style="1"/>
    <col min="7426" max="7433" width="11.88671875" style="1" customWidth="1"/>
    <col min="7434" max="7681" width="8.88671875" style="1"/>
    <col min="7682" max="7689" width="11.88671875" style="1" customWidth="1"/>
    <col min="7690" max="7937" width="8.88671875" style="1"/>
    <col min="7938" max="7945" width="11.88671875" style="1" customWidth="1"/>
    <col min="7946" max="8193" width="8.88671875" style="1"/>
    <col min="8194" max="8201" width="11.88671875" style="1" customWidth="1"/>
    <col min="8202" max="8449" width="8.88671875" style="1"/>
    <col min="8450" max="8457" width="11.88671875" style="1" customWidth="1"/>
    <col min="8458" max="8705" width="8.88671875" style="1"/>
    <col min="8706" max="8713" width="11.88671875" style="1" customWidth="1"/>
    <col min="8714" max="8961" width="8.88671875" style="1"/>
    <col min="8962" max="8969" width="11.88671875" style="1" customWidth="1"/>
    <col min="8970" max="9217" width="8.88671875" style="1"/>
    <col min="9218" max="9225" width="11.88671875" style="1" customWidth="1"/>
    <col min="9226" max="9473" width="8.88671875" style="1"/>
    <col min="9474" max="9481" width="11.88671875" style="1" customWidth="1"/>
    <col min="9482" max="9729" width="8.88671875" style="1"/>
    <col min="9730" max="9737" width="11.88671875" style="1" customWidth="1"/>
    <col min="9738" max="9985" width="8.88671875" style="1"/>
    <col min="9986" max="9993" width="11.88671875" style="1" customWidth="1"/>
    <col min="9994" max="10241" width="8.88671875" style="1"/>
    <col min="10242" max="10249" width="11.88671875" style="1" customWidth="1"/>
    <col min="10250" max="10497" width="8.88671875" style="1"/>
    <col min="10498" max="10505" width="11.88671875" style="1" customWidth="1"/>
    <col min="10506" max="10753" width="8.88671875" style="1"/>
    <col min="10754" max="10761" width="11.88671875" style="1" customWidth="1"/>
    <col min="10762" max="11009" width="8.88671875" style="1"/>
    <col min="11010" max="11017" width="11.88671875" style="1" customWidth="1"/>
    <col min="11018" max="11265" width="8.88671875" style="1"/>
    <col min="11266" max="11273" width="11.88671875" style="1" customWidth="1"/>
    <col min="11274" max="11521" width="8.88671875" style="1"/>
    <col min="11522" max="11529" width="11.88671875" style="1" customWidth="1"/>
    <col min="11530" max="11777" width="8.88671875" style="1"/>
    <col min="11778" max="11785" width="11.88671875" style="1" customWidth="1"/>
    <col min="11786" max="12033" width="8.88671875" style="1"/>
    <col min="12034" max="12041" width="11.88671875" style="1" customWidth="1"/>
    <col min="12042" max="12289" width="8.88671875" style="1"/>
    <col min="12290" max="12297" width="11.88671875" style="1" customWidth="1"/>
    <col min="12298" max="12545" width="8.88671875" style="1"/>
    <col min="12546" max="12553" width="11.88671875" style="1" customWidth="1"/>
    <col min="12554" max="12801" width="8.88671875" style="1"/>
    <col min="12802" max="12809" width="11.88671875" style="1" customWidth="1"/>
    <col min="12810" max="13057" width="8.88671875" style="1"/>
    <col min="13058" max="13065" width="11.88671875" style="1" customWidth="1"/>
    <col min="13066" max="13313" width="8.88671875" style="1"/>
    <col min="13314" max="13321" width="11.88671875" style="1" customWidth="1"/>
    <col min="13322" max="13569" width="8.88671875" style="1"/>
    <col min="13570" max="13577" width="11.88671875" style="1" customWidth="1"/>
    <col min="13578" max="13825" width="8.88671875" style="1"/>
    <col min="13826" max="13833" width="11.88671875" style="1" customWidth="1"/>
    <col min="13834" max="14081" width="8.88671875" style="1"/>
    <col min="14082" max="14089" width="11.88671875" style="1" customWidth="1"/>
    <col min="14090" max="14337" width="8.88671875" style="1"/>
    <col min="14338" max="14345" width="11.88671875" style="1" customWidth="1"/>
    <col min="14346" max="14593" width="8.88671875" style="1"/>
    <col min="14594" max="14601" width="11.88671875" style="1" customWidth="1"/>
    <col min="14602" max="14849" width="8.88671875" style="1"/>
    <col min="14850" max="14857" width="11.88671875" style="1" customWidth="1"/>
    <col min="14858" max="15105" width="8.88671875" style="1"/>
    <col min="15106" max="15113" width="11.88671875" style="1" customWidth="1"/>
    <col min="15114" max="15361" width="8.88671875" style="1"/>
    <col min="15362" max="15369" width="11.88671875" style="1" customWidth="1"/>
    <col min="15370" max="15617" width="8.88671875" style="1"/>
    <col min="15618" max="15625" width="11.88671875" style="1" customWidth="1"/>
    <col min="15626" max="15873" width="8.88671875" style="1"/>
    <col min="15874" max="15881" width="11.88671875" style="1" customWidth="1"/>
    <col min="15882" max="16129" width="8.88671875" style="1"/>
    <col min="16130" max="16137" width="11.88671875" style="1" customWidth="1"/>
    <col min="16138" max="16384" width="8.88671875" style="1"/>
  </cols>
  <sheetData>
    <row r="1" spans="1:12" ht="15.75" customHeight="1" x14ac:dyDescent="0.2">
      <c r="G1" s="10"/>
      <c r="H1" s="10"/>
      <c r="I1" s="2" t="s">
        <v>1</v>
      </c>
    </row>
    <row r="2" spans="1:12" ht="33" customHeight="1" x14ac:dyDescent="0.2">
      <c r="A2" s="26" t="s">
        <v>22</v>
      </c>
      <c r="B2" s="26"/>
      <c r="C2" s="26"/>
      <c r="D2" s="26"/>
      <c r="E2" s="26"/>
      <c r="F2" s="26"/>
      <c r="G2" s="26"/>
      <c r="H2" s="26"/>
      <c r="I2" s="26"/>
      <c r="K2" s="10"/>
    </row>
    <row r="3" spans="1:12" ht="9.75" customHeight="1" x14ac:dyDescent="0.2"/>
    <row r="4" spans="1:12" ht="23.25" customHeight="1" x14ac:dyDescent="0.2">
      <c r="F4" s="13"/>
      <c r="G4" s="31" t="s">
        <v>0</v>
      </c>
      <c r="H4" s="31"/>
      <c r="I4" s="31"/>
    </row>
    <row r="5" spans="1:12" ht="33" customHeight="1" x14ac:dyDescent="0.2">
      <c r="F5" s="13"/>
      <c r="G5" s="30" t="s">
        <v>3</v>
      </c>
      <c r="H5" s="30"/>
      <c r="I5" s="30"/>
      <c r="L5" s="3"/>
    </row>
    <row r="6" spans="1:12" ht="12.75" customHeight="1" x14ac:dyDescent="0.2">
      <c r="F6" s="5"/>
    </row>
    <row r="7" spans="1:12" ht="33" customHeight="1" x14ac:dyDescent="0.2">
      <c r="A7" s="11" t="s">
        <v>2</v>
      </c>
      <c r="B7" s="8"/>
      <c r="C7" s="8"/>
      <c r="D7" s="8"/>
    </row>
    <row r="8" spans="1:12" ht="40.5" customHeight="1" thickBot="1" x14ac:dyDescent="0.25">
      <c r="A8" s="11"/>
      <c r="B8" s="18" t="s">
        <v>13</v>
      </c>
      <c r="C8" s="19"/>
      <c r="D8" s="8"/>
    </row>
    <row r="9" spans="1:12" ht="42" customHeight="1" thickBot="1" x14ac:dyDescent="0.25">
      <c r="A9" s="7"/>
      <c r="B9" s="14"/>
      <c r="C9" s="21" t="s">
        <v>14</v>
      </c>
      <c r="D9" s="32"/>
      <c r="E9" s="32"/>
      <c r="F9" s="32"/>
      <c r="G9" s="32"/>
      <c r="H9" s="32"/>
    </row>
    <row r="10" spans="1:12" ht="42.75" customHeight="1" thickBot="1" x14ac:dyDescent="0.25">
      <c r="A10" s="7"/>
      <c r="B10" s="14"/>
      <c r="C10" s="12" t="s">
        <v>15</v>
      </c>
    </row>
    <row r="11" spans="1:12" ht="44.25" customHeight="1" thickBot="1" x14ac:dyDescent="0.25">
      <c r="A11" s="7"/>
      <c r="B11" s="14"/>
      <c r="C11" s="12" t="s">
        <v>4</v>
      </c>
    </row>
    <row r="12" spans="1:12" ht="39.75" customHeight="1" thickBot="1" x14ac:dyDescent="0.25">
      <c r="A12" s="7"/>
      <c r="B12" s="34" t="s">
        <v>19</v>
      </c>
      <c r="C12" s="34"/>
      <c r="D12" s="34"/>
      <c r="E12" s="34"/>
      <c r="F12" s="34"/>
      <c r="G12" s="34"/>
    </row>
    <row r="13" spans="1:12" ht="41.25" customHeight="1" thickBot="1" x14ac:dyDescent="0.25">
      <c r="A13" s="7"/>
      <c r="B13" s="14"/>
      <c r="C13" s="21" t="s">
        <v>16</v>
      </c>
      <c r="D13" s="22"/>
      <c r="E13" s="22"/>
      <c r="F13" s="22"/>
      <c r="G13" s="22"/>
      <c r="H13" s="22"/>
    </row>
    <row r="14" spans="1:12" ht="42.75" customHeight="1" thickBot="1" x14ac:dyDescent="0.25">
      <c r="B14" s="14"/>
      <c r="C14" s="21" t="s">
        <v>17</v>
      </c>
      <c r="D14" s="22"/>
      <c r="E14" s="22"/>
      <c r="F14" s="22"/>
      <c r="G14" s="22"/>
      <c r="H14" s="22"/>
    </row>
    <row r="15" spans="1:12" ht="39.75" customHeight="1" thickBot="1" x14ac:dyDescent="0.25">
      <c r="B15" s="14"/>
      <c r="C15" s="12" t="s">
        <v>18</v>
      </c>
    </row>
    <row r="16" spans="1:12" ht="27" customHeight="1" x14ac:dyDescent="0.2">
      <c r="B16" s="8"/>
      <c r="I16" s="5"/>
    </row>
    <row r="17" spans="1:9" ht="49.5" customHeight="1" x14ac:dyDescent="0.2">
      <c r="B17" s="27" t="s">
        <v>20</v>
      </c>
      <c r="C17" s="27"/>
      <c r="D17" s="27"/>
      <c r="E17" s="27"/>
      <c r="F17" s="27"/>
      <c r="G17" s="27"/>
      <c r="H17" s="27"/>
      <c r="I17" s="27"/>
    </row>
    <row r="18" spans="1:9" ht="37.5" customHeight="1" thickBot="1" x14ac:dyDescent="0.25">
      <c r="B18" s="20" t="s">
        <v>7</v>
      </c>
      <c r="C18" s="20"/>
      <c r="D18" s="20"/>
      <c r="E18" s="20"/>
      <c r="F18" s="20"/>
      <c r="G18" s="28"/>
      <c r="H18" s="28"/>
      <c r="I18" s="28"/>
    </row>
    <row r="19" spans="1:9" ht="44.25" customHeight="1" thickTop="1" thickBot="1" x14ac:dyDescent="0.25">
      <c r="B19" s="33" t="s">
        <v>6</v>
      </c>
      <c r="C19" s="33"/>
      <c r="D19" s="33"/>
      <c r="E19" s="33"/>
      <c r="F19" s="33"/>
      <c r="G19" s="29"/>
      <c r="H19" s="29"/>
      <c r="I19" s="29"/>
    </row>
    <row r="20" spans="1:9" ht="44.25" customHeight="1" thickTop="1" thickBot="1" x14ac:dyDescent="0.25">
      <c r="B20" s="33"/>
      <c r="C20" s="33"/>
      <c r="D20" s="33"/>
      <c r="E20" s="33"/>
      <c r="F20" s="33"/>
      <c r="G20" s="29"/>
      <c r="H20" s="29"/>
      <c r="I20" s="29"/>
    </row>
    <row r="21" spans="1:9" ht="39" customHeight="1" thickTop="1" thickBot="1" x14ac:dyDescent="0.25">
      <c r="B21" s="20" t="s">
        <v>8</v>
      </c>
      <c r="C21" s="20"/>
      <c r="D21" s="20"/>
      <c r="E21" s="20"/>
      <c r="F21" s="20"/>
      <c r="G21" s="29"/>
      <c r="H21" s="29"/>
      <c r="I21" s="29"/>
    </row>
    <row r="22" spans="1:9" ht="35.25" customHeight="1" thickTop="1" x14ac:dyDescent="0.2">
      <c r="B22" s="9"/>
      <c r="C22" s="9"/>
      <c r="D22" s="9"/>
      <c r="E22" s="9"/>
      <c r="F22" s="9"/>
      <c r="G22" s="9"/>
      <c r="H22" s="9"/>
      <c r="I22" s="9"/>
    </row>
    <row r="23" spans="1:9" ht="49.5" customHeight="1" x14ac:dyDescent="0.2">
      <c r="A23" s="23" t="s">
        <v>5</v>
      </c>
      <c r="B23" s="23"/>
      <c r="C23" s="23"/>
      <c r="D23" s="23"/>
      <c r="E23" s="23"/>
      <c r="F23" s="23"/>
      <c r="G23" s="23"/>
      <c r="H23" s="23"/>
      <c r="I23" s="23"/>
    </row>
    <row r="24" spans="1:9" ht="7.5" customHeight="1" x14ac:dyDescent="0.2">
      <c r="A24" s="8"/>
      <c r="B24" s="7"/>
    </row>
    <row r="25" spans="1:9" ht="145.5" customHeight="1" x14ac:dyDescent="0.2">
      <c r="B25" s="24"/>
      <c r="C25" s="25"/>
      <c r="D25" s="25"/>
      <c r="E25" s="25"/>
      <c r="F25" s="25"/>
      <c r="G25" s="25"/>
      <c r="H25" s="25"/>
      <c r="I25" s="15"/>
    </row>
    <row r="26" spans="1:9" ht="12.75" customHeight="1" x14ac:dyDescent="0.2">
      <c r="B26" s="17"/>
      <c r="C26" s="17"/>
      <c r="D26" s="17"/>
      <c r="E26" s="17"/>
      <c r="F26" s="17"/>
      <c r="G26" s="17"/>
      <c r="H26" s="17"/>
    </row>
    <row r="27" spans="1:9" ht="13.5" customHeight="1" x14ac:dyDescent="0.2">
      <c r="C27" s="5"/>
      <c r="D27" s="5"/>
      <c r="E27" s="6"/>
      <c r="F27" s="6"/>
      <c r="G27" s="6"/>
      <c r="H27" s="6"/>
      <c r="I27" s="6"/>
    </row>
    <row r="28" spans="1:9" ht="13.5" customHeight="1" x14ac:dyDescent="0.2">
      <c r="C28" s="5"/>
      <c r="D28" s="5"/>
      <c r="E28" s="5"/>
      <c r="F28" s="5"/>
      <c r="G28" s="5"/>
      <c r="H28" s="5"/>
      <c r="I28" s="5"/>
    </row>
    <row r="29" spans="1:9" ht="13.5" customHeight="1" x14ac:dyDescent="0.2"/>
    <row r="30" spans="1:9" ht="13.5" customHeight="1" x14ac:dyDescent="0.2"/>
    <row r="31" spans="1:9" ht="13.5" customHeight="1" x14ac:dyDescent="0.2"/>
    <row r="32" spans="1:9" ht="13.5" customHeight="1" x14ac:dyDescent="0.2"/>
    <row r="33" ht="13.5" customHeight="1" x14ac:dyDescent="0.2"/>
    <row r="34" ht="13.5" customHeight="1" x14ac:dyDescent="0.2"/>
    <row r="35" ht="13.5" customHeight="1" x14ac:dyDescent="0.2"/>
    <row r="36" ht="13.5" customHeight="1" x14ac:dyDescent="0.2"/>
    <row r="37" ht="13.5" customHeight="1" x14ac:dyDescent="0.2"/>
    <row r="38" ht="13.5" customHeight="1" x14ac:dyDescent="0.2"/>
    <row r="39" ht="13.5" customHeight="1" x14ac:dyDescent="0.2"/>
    <row r="40" ht="13.5" customHeight="1" x14ac:dyDescent="0.2"/>
    <row r="41" ht="13.5" customHeight="1" x14ac:dyDescent="0.2"/>
    <row r="42" ht="13.5" customHeight="1" x14ac:dyDescent="0.2"/>
    <row r="43" ht="13.5" customHeight="1" x14ac:dyDescent="0.2"/>
    <row r="44" ht="13.5" customHeight="1" x14ac:dyDescent="0.2"/>
    <row r="45" ht="13.5" customHeight="1" x14ac:dyDescent="0.2"/>
    <row r="46" ht="13.5" customHeight="1" x14ac:dyDescent="0.2"/>
  </sheetData>
  <mergeCells count="15">
    <mergeCell ref="G21:I21"/>
    <mergeCell ref="A23:I23"/>
    <mergeCell ref="B25:H25"/>
    <mergeCell ref="C14:H14"/>
    <mergeCell ref="B17:I17"/>
    <mergeCell ref="G18:I18"/>
    <mergeCell ref="B19:F20"/>
    <mergeCell ref="G19:I19"/>
    <mergeCell ref="G20:I20"/>
    <mergeCell ref="A2:I2"/>
    <mergeCell ref="G4:I4"/>
    <mergeCell ref="G5:I5"/>
    <mergeCell ref="C9:H9"/>
    <mergeCell ref="B12:G12"/>
    <mergeCell ref="C13:H13"/>
  </mergeCells>
  <phoneticPr fontId="2"/>
  <printOptions horizontalCentered="1"/>
  <pageMargins left="0.59055118110236227" right="0.59055118110236227" top="0.39370078740157483" bottom="0.59055118110236227" header="0.51181102362204722" footer="0.51181102362204722"/>
  <pageSetup paperSize="9" scale="84" orientation="portrait"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L46"/>
  <sheetViews>
    <sheetView tabSelected="1" view="pageBreakPreview" zoomScale="90" zoomScaleNormal="80" zoomScaleSheetLayoutView="90" workbookViewId="0">
      <selection activeCell="B17" sqref="B17:I17"/>
    </sheetView>
  </sheetViews>
  <sheetFormatPr defaultRowHeight="13.2" x14ac:dyDescent="0.2"/>
  <cols>
    <col min="1" max="1" width="2.33203125" style="1" customWidth="1"/>
    <col min="2" max="2" width="6.109375" style="1" customWidth="1"/>
    <col min="3" max="4" width="11.44140625" style="1" customWidth="1"/>
    <col min="5" max="5" width="13.44140625" style="1" customWidth="1"/>
    <col min="6" max="6" width="25.88671875" style="1" customWidth="1"/>
    <col min="7" max="8" width="16.77734375" style="1" customWidth="1"/>
    <col min="9" max="9" width="4.44140625" style="1" customWidth="1"/>
    <col min="10" max="10" width="6" style="1" customWidth="1"/>
    <col min="11" max="257" width="9" style="1"/>
    <col min="258" max="265" width="11.88671875" style="1" customWidth="1"/>
    <col min="266" max="513" width="9" style="1"/>
    <col min="514" max="521" width="11.88671875" style="1" customWidth="1"/>
    <col min="522" max="769" width="9" style="1"/>
    <col min="770" max="777" width="11.88671875" style="1" customWidth="1"/>
    <col min="778" max="1025" width="9" style="1"/>
    <col min="1026" max="1033" width="11.88671875" style="1" customWidth="1"/>
    <col min="1034" max="1281" width="9" style="1"/>
    <col min="1282" max="1289" width="11.88671875" style="1" customWidth="1"/>
    <col min="1290" max="1537" width="9" style="1"/>
    <col min="1538" max="1545" width="11.88671875" style="1" customWidth="1"/>
    <col min="1546" max="1793" width="9" style="1"/>
    <col min="1794" max="1801" width="11.88671875" style="1" customWidth="1"/>
    <col min="1802" max="2049" width="9" style="1"/>
    <col min="2050" max="2057" width="11.88671875" style="1" customWidth="1"/>
    <col min="2058" max="2305" width="9" style="1"/>
    <col min="2306" max="2313" width="11.88671875" style="1" customWidth="1"/>
    <col min="2314" max="2561" width="9" style="1"/>
    <col min="2562" max="2569" width="11.88671875" style="1" customWidth="1"/>
    <col min="2570" max="2817" width="9" style="1"/>
    <col min="2818" max="2825" width="11.88671875" style="1" customWidth="1"/>
    <col min="2826" max="3073" width="9" style="1"/>
    <col min="3074" max="3081" width="11.88671875" style="1" customWidth="1"/>
    <col min="3082" max="3329" width="9" style="1"/>
    <col min="3330" max="3337" width="11.88671875" style="1" customWidth="1"/>
    <col min="3338" max="3585" width="9" style="1"/>
    <col min="3586" max="3593" width="11.88671875" style="1" customWidth="1"/>
    <col min="3594" max="3841" width="9" style="1"/>
    <col min="3842" max="3849" width="11.88671875" style="1" customWidth="1"/>
    <col min="3850" max="4097" width="9" style="1"/>
    <col min="4098" max="4105" width="11.88671875" style="1" customWidth="1"/>
    <col min="4106" max="4353" width="9" style="1"/>
    <col min="4354" max="4361" width="11.88671875" style="1" customWidth="1"/>
    <col min="4362" max="4609" width="9" style="1"/>
    <col min="4610" max="4617" width="11.88671875" style="1" customWidth="1"/>
    <col min="4618" max="4865" width="9" style="1"/>
    <col min="4866" max="4873" width="11.88671875" style="1" customWidth="1"/>
    <col min="4874" max="5121" width="9" style="1"/>
    <col min="5122" max="5129" width="11.88671875" style="1" customWidth="1"/>
    <col min="5130" max="5377" width="9" style="1"/>
    <col min="5378" max="5385" width="11.88671875" style="1" customWidth="1"/>
    <col min="5386" max="5633" width="9" style="1"/>
    <col min="5634" max="5641" width="11.88671875" style="1" customWidth="1"/>
    <col min="5642" max="5889" width="9" style="1"/>
    <col min="5890" max="5897" width="11.88671875" style="1" customWidth="1"/>
    <col min="5898" max="6145" width="9" style="1"/>
    <col min="6146" max="6153" width="11.88671875" style="1" customWidth="1"/>
    <col min="6154" max="6401" width="9" style="1"/>
    <col min="6402" max="6409" width="11.88671875" style="1" customWidth="1"/>
    <col min="6410" max="6657" width="9" style="1"/>
    <col min="6658" max="6665" width="11.88671875" style="1" customWidth="1"/>
    <col min="6666" max="6913" width="9" style="1"/>
    <col min="6914" max="6921" width="11.88671875" style="1" customWidth="1"/>
    <col min="6922" max="7169" width="9" style="1"/>
    <col min="7170" max="7177" width="11.88671875" style="1" customWidth="1"/>
    <col min="7178" max="7425" width="9" style="1"/>
    <col min="7426" max="7433" width="11.88671875" style="1" customWidth="1"/>
    <col min="7434" max="7681" width="9" style="1"/>
    <col min="7682" max="7689" width="11.88671875" style="1" customWidth="1"/>
    <col min="7690" max="7937" width="9" style="1"/>
    <col min="7938" max="7945" width="11.88671875" style="1" customWidth="1"/>
    <col min="7946" max="8193" width="9" style="1"/>
    <col min="8194" max="8201" width="11.88671875" style="1" customWidth="1"/>
    <col min="8202" max="8449" width="9" style="1"/>
    <col min="8450" max="8457" width="11.88671875" style="1" customWidth="1"/>
    <col min="8458" max="8705" width="9" style="1"/>
    <col min="8706" max="8713" width="11.88671875" style="1" customWidth="1"/>
    <col min="8714" max="8961" width="9" style="1"/>
    <col min="8962" max="8969" width="11.88671875" style="1" customWidth="1"/>
    <col min="8970" max="9217" width="9" style="1"/>
    <col min="9218" max="9225" width="11.88671875" style="1" customWidth="1"/>
    <col min="9226" max="9473" width="9" style="1"/>
    <col min="9474" max="9481" width="11.88671875" style="1" customWidth="1"/>
    <col min="9482" max="9729" width="9" style="1"/>
    <col min="9730" max="9737" width="11.88671875" style="1" customWidth="1"/>
    <col min="9738" max="9985" width="9" style="1"/>
    <col min="9986" max="9993" width="11.88671875" style="1" customWidth="1"/>
    <col min="9994" max="10241" width="9" style="1"/>
    <col min="10242" max="10249" width="11.88671875" style="1" customWidth="1"/>
    <col min="10250" max="10497" width="9" style="1"/>
    <col min="10498" max="10505" width="11.88671875" style="1" customWidth="1"/>
    <col min="10506" max="10753" width="9" style="1"/>
    <col min="10754" max="10761" width="11.88671875" style="1" customWidth="1"/>
    <col min="10762" max="11009" width="9" style="1"/>
    <col min="11010" max="11017" width="11.88671875" style="1" customWidth="1"/>
    <col min="11018" max="11265" width="9" style="1"/>
    <col min="11266" max="11273" width="11.88671875" style="1" customWidth="1"/>
    <col min="11274" max="11521" width="9" style="1"/>
    <col min="11522" max="11529" width="11.88671875" style="1" customWidth="1"/>
    <col min="11530" max="11777" width="9" style="1"/>
    <col min="11778" max="11785" width="11.88671875" style="1" customWidth="1"/>
    <col min="11786" max="12033" width="9" style="1"/>
    <col min="12034" max="12041" width="11.88671875" style="1" customWidth="1"/>
    <col min="12042" max="12289" width="9" style="1"/>
    <col min="12290" max="12297" width="11.88671875" style="1" customWidth="1"/>
    <col min="12298" max="12545" width="9" style="1"/>
    <col min="12546" max="12553" width="11.88671875" style="1" customWidth="1"/>
    <col min="12554" max="12801" width="9" style="1"/>
    <col min="12802" max="12809" width="11.88671875" style="1" customWidth="1"/>
    <col min="12810" max="13057" width="9" style="1"/>
    <col min="13058" max="13065" width="11.88671875" style="1" customWidth="1"/>
    <col min="13066" max="13313" width="9" style="1"/>
    <col min="13314" max="13321" width="11.88671875" style="1" customWidth="1"/>
    <col min="13322" max="13569" width="9" style="1"/>
    <col min="13570" max="13577" width="11.88671875" style="1" customWidth="1"/>
    <col min="13578" max="13825" width="9" style="1"/>
    <col min="13826" max="13833" width="11.88671875" style="1" customWidth="1"/>
    <col min="13834" max="14081" width="9" style="1"/>
    <col min="14082" max="14089" width="11.88671875" style="1" customWidth="1"/>
    <col min="14090" max="14337" width="9" style="1"/>
    <col min="14338" max="14345" width="11.88671875" style="1" customWidth="1"/>
    <col min="14346" max="14593" width="9" style="1"/>
    <col min="14594" max="14601" width="11.88671875" style="1" customWidth="1"/>
    <col min="14602" max="14849" width="9" style="1"/>
    <col min="14850" max="14857" width="11.88671875" style="1" customWidth="1"/>
    <col min="14858" max="15105" width="9" style="1"/>
    <col min="15106" max="15113" width="11.88671875" style="1" customWidth="1"/>
    <col min="15114" max="15361" width="9" style="1"/>
    <col min="15362" max="15369" width="11.88671875" style="1" customWidth="1"/>
    <col min="15370" max="15617" width="9" style="1"/>
    <col min="15618" max="15625" width="11.88671875" style="1" customWidth="1"/>
    <col min="15626" max="15873" width="9" style="1"/>
    <col min="15874" max="15881" width="11.88671875" style="1" customWidth="1"/>
    <col min="15882" max="16129" width="9" style="1"/>
    <col min="16130" max="16137" width="11.88671875" style="1" customWidth="1"/>
    <col min="16138" max="16384" width="9" style="1"/>
  </cols>
  <sheetData>
    <row r="1" spans="1:12" ht="15.75" customHeight="1" x14ac:dyDescent="0.2">
      <c r="G1" s="10"/>
      <c r="H1" s="10"/>
      <c r="I1" s="2" t="s">
        <v>1</v>
      </c>
    </row>
    <row r="2" spans="1:12" ht="33" customHeight="1" x14ac:dyDescent="0.2">
      <c r="A2" s="26" t="s">
        <v>22</v>
      </c>
      <c r="B2" s="26"/>
      <c r="C2" s="26"/>
      <c r="D2" s="26"/>
      <c r="E2" s="26"/>
      <c r="F2" s="26"/>
      <c r="G2" s="26"/>
      <c r="H2" s="26"/>
      <c r="I2" s="26"/>
      <c r="K2" s="10"/>
    </row>
    <row r="3" spans="1:12" ht="9.75" customHeight="1" x14ac:dyDescent="0.2"/>
    <row r="4" spans="1:12" ht="23.25" customHeight="1" x14ac:dyDescent="0.2">
      <c r="F4" s="13"/>
      <c r="G4" s="31" t="s">
        <v>0</v>
      </c>
      <c r="H4" s="31"/>
      <c r="I4" s="31"/>
    </row>
    <row r="5" spans="1:12" ht="33" customHeight="1" x14ac:dyDescent="0.2">
      <c r="F5" s="13"/>
      <c r="G5" s="30" t="s">
        <v>3</v>
      </c>
      <c r="H5" s="30"/>
      <c r="I5" s="30"/>
      <c r="L5" s="3"/>
    </row>
    <row r="6" spans="1:12" ht="12.75" customHeight="1" x14ac:dyDescent="0.2">
      <c r="F6" s="5"/>
    </row>
    <row r="7" spans="1:12" ht="33" customHeight="1" x14ac:dyDescent="0.2">
      <c r="A7" s="11" t="s">
        <v>2</v>
      </c>
      <c r="B7" s="8"/>
      <c r="C7" s="8"/>
      <c r="D7" s="8"/>
    </row>
    <row r="8" spans="1:12" ht="40.5" customHeight="1" thickBot="1" x14ac:dyDescent="0.25">
      <c r="A8" s="11"/>
      <c r="B8" s="18" t="s">
        <v>13</v>
      </c>
      <c r="C8" s="19"/>
      <c r="D8" s="8"/>
    </row>
    <row r="9" spans="1:12" ht="42" customHeight="1" thickBot="1" x14ac:dyDescent="0.25">
      <c r="A9" s="7"/>
      <c r="B9" s="36" t="s">
        <v>23</v>
      </c>
      <c r="C9" s="21" t="s">
        <v>14</v>
      </c>
      <c r="D9" s="32"/>
      <c r="E9" s="32"/>
      <c r="F9" s="32"/>
      <c r="G9" s="32"/>
      <c r="H9" s="32"/>
    </row>
    <row r="10" spans="1:12" ht="42.75" customHeight="1" thickBot="1" x14ac:dyDescent="0.25">
      <c r="A10" s="7"/>
      <c r="B10" s="36" t="s">
        <v>23</v>
      </c>
      <c r="C10" s="12" t="s">
        <v>15</v>
      </c>
    </row>
    <row r="11" spans="1:12" ht="44.25" customHeight="1" thickBot="1" x14ac:dyDescent="0.25">
      <c r="A11" s="7"/>
      <c r="B11" s="36"/>
      <c r="C11" s="12" t="s">
        <v>4</v>
      </c>
    </row>
    <row r="12" spans="1:12" ht="39.75" customHeight="1" thickBot="1" x14ac:dyDescent="0.25">
      <c r="A12" s="7"/>
      <c r="B12" s="34" t="s">
        <v>19</v>
      </c>
      <c r="C12" s="34"/>
      <c r="D12" s="34"/>
      <c r="E12" s="34"/>
      <c r="F12" s="34"/>
      <c r="G12" s="34"/>
    </row>
    <row r="13" spans="1:12" ht="41.25" customHeight="1" thickBot="1" x14ac:dyDescent="0.25">
      <c r="A13" s="7"/>
      <c r="B13" s="36" t="s">
        <v>23</v>
      </c>
      <c r="C13" s="21" t="s">
        <v>16</v>
      </c>
      <c r="D13" s="22"/>
      <c r="E13" s="22"/>
      <c r="F13" s="22"/>
      <c r="G13" s="22"/>
      <c r="H13" s="22"/>
    </row>
    <row r="14" spans="1:12" ht="42.75" customHeight="1" thickBot="1" x14ac:dyDescent="0.25">
      <c r="B14" s="36"/>
      <c r="C14" s="21" t="s">
        <v>17</v>
      </c>
      <c r="D14" s="22"/>
      <c r="E14" s="22"/>
      <c r="F14" s="22"/>
      <c r="G14" s="22"/>
      <c r="H14" s="22"/>
    </row>
    <row r="15" spans="1:12" ht="39.75" customHeight="1" thickBot="1" x14ac:dyDescent="0.25">
      <c r="B15" s="36" t="s">
        <v>23</v>
      </c>
      <c r="C15" s="12" t="s">
        <v>18</v>
      </c>
    </row>
    <row r="16" spans="1:12" ht="27" customHeight="1" x14ac:dyDescent="0.2">
      <c r="B16" s="8"/>
      <c r="I16" s="5"/>
    </row>
    <row r="17" spans="1:9" ht="49.5" customHeight="1" x14ac:dyDescent="0.2">
      <c r="B17" s="27" t="s">
        <v>20</v>
      </c>
      <c r="C17" s="27"/>
      <c r="D17" s="27"/>
      <c r="E17" s="27"/>
      <c r="F17" s="27"/>
      <c r="G17" s="27"/>
      <c r="H17" s="27"/>
      <c r="I17" s="27"/>
    </row>
    <row r="18" spans="1:9" ht="37.5" customHeight="1" thickBot="1" x14ac:dyDescent="0.25">
      <c r="B18" s="20" t="s">
        <v>7</v>
      </c>
      <c r="C18" s="20"/>
      <c r="D18" s="20"/>
      <c r="E18" s="20"/>
      <c r="F18" s="20"/>
      <c r="G18" s="28" t="s">
        <v>9</v>
      </c>
      <c r="H18" s="28"/>
      <c r="I18" s="28"/>
    </row>
    <row r="19" spans="1:9" ht="44.25" customHeight="1" thickTop="1" thickBot="1" x14ac:dyDescent="0.25">
      <c r="B19" s="33" t="s">
        <v>6</v>
      </c>
      <c r="C19" s="33"/>
      <c r="D19" s="33"/>
      <c r="E19" s="33"/>
      <c r="F19" s="33"/>
      <c r="G19" s="29" t="s">
        <v>10</v>
      </c>
      <c r="H19" s="29"/>
      <c r="I19" s="29"/>
    </row>
    <row r="20" spans="1:9" ht="44.25" customHeight="1" thickTop="1" thickBot="1" x14ac:dyDescent="0.25">
      <c r="B20" s="33"/>
      <c r="C20" s="33"/>
      <c r="D20" s="33"/>
      <c r="E20" s="33"/>
      <c r="F20" s="33"/>
      <c r="G20" s="29" t="s">
        <v>11</v>
      </c>
      <c r="H20" s="29"/>
      <c r="I20" s="29"/>
    </row>
    <row r="21" spans="1:9" ht="39" customHeight="1" thickTop="1" thickBot="1" x14ac:dyDescent="0.25">
      <c r="B21" s="20" t="s">
        <v>8</v>
      </c>
      <c r="C21" s="20"/>
      <c r="D21" s="20"/>
      <c r="E21" s="20"/>
      <c r="F21" s="20"/>
      <c r="G21" s="35" t="s">
        <v>21</v>
      </c>
      <c r="H21" s="35"/>
      <c r="I21" s="35"/>
    </row>
    <row r="22" spans="1:9" ht="35.25" customHeight="1" thickTop="1" x14ac:dyDescent="0.2">
      <c r="B22" s="9"/>
      <c r="C22" s="9"/>
      <c r="D22" s="9"/>
      <c r="E22" s="9"/>
      <c r="F22" s="9"/>
      <c r="G22" s="9"/>
      <c r="H22" s="9"/>
      <c r="I22" s="9"/>
    </row>
    <row r="23" spans="1:9" ht="49.5" customHeight="1" x14ac:dyDescent="0.2">
      <c r="A23" s="23" t="s">
        <v>5</v>
      </c>
      <c r="B23" s="23"/>
      <c r="C23" s="23"/>
      <c r="D23" s="23"/>
      <c r="E23" s="23"/>
      <c r="F23" s="23"/>
      <c r="G23" s="23"/>
      <c r="H23" s="23"/>
      <c r="I23" s="23"/>
    </row>
    <row r="24" spans="1:9" ht="7.5" customHeight="1" x14ac:dyDescent="0.2">
      <c r="A24" s="8"/>
      <c r="B24" s="7"/>
    </row>
    <row r="25" spans="1:9" ht="145.5" customHeight="1" x14ac:dyDescent="0.2">
      <c r="B25" s="24" t="s">
        <v>12</v>
      </c>
      <c r="C25" s="25"/>
      <c r="D25" s="25"/>
      <c r="E25" s="25"/>
      <c r="F25" s="25"/>
      <c r="G25" s="25"/>
      <c r="H25" s="25"/>
      <c r="I25" s="15"/>
    </row>
    <row r="26" spans="1:9" ht="12.75" customHeight="1" x14ac:dyDescent="0.2">
      <c r="B26" s="4"/>
      <c r="C26" s="4"/>
      <c r="D26" s="4"/>
      <c r="E26" s="4"/>
      <c r="F26" s="4"/>
      <c r="G26" s="4"/>
      <c r="H26" s="16"/>
    </row>
    <row r="27" spans="1:9" ht="13.5" customHeight="1" x14ac:dyDescent="0.2">
      <c r="C27" s="5"/>
      <c r="D27" s="5"/>
      <c r="E27" s="6"/>
      <c r="F27" s="6"/>
      <c r="G27" s="6"/>
      <c r="H27" s="6"/>
      <c r="I27" s="6"/>
    </row>
    <row r="28" spans="1:9" ht="13.5" customHeight="1" x14ac:dyDescent="0.2">
      <c r="C28" s="5"/>
      <c r="D28" s="5"/>
      <c r="E28" s="5"/>
      <c r="F28" s="5"/>
      <c r="G28" s="5"/>
      <c r="H28" s="5"/>
      <c r="I28" s="5"/>
    </row>
    <row r="29" spans="1:9" ht="13.5" customHeight="1" x14ac:dyDescent="0.2"/>
    <row r="30" spans="1:9" ht="13.5" customHeight="1" x14ac:dyDescent="0.2"/>
    <row r="31" spans="1:9" ht="13.5" customHeight="1" x14ac:dyDescent="0.2"/>
    <row r="32" spans="1:9" ht="13.5" customHeight="1" x14ac:dyDescent="0.2"/>
    <row r="33" ht="13.5" customHeight="1" x14ac:dyDescent="0.2"/>
    <row r="34" ht="13.5" customHeight="1" x14ac:dyDescent="0.2"/>
    <row r="35" ht="13.5" customHeight="1" x14ac:dyDescent="0.2"/>
    <row r="36" ht="13.5" customHeight="1" x14ac:dyDescent="0.2"/>
    <row r="37" ht="13.5" customHeight="1" x14ac:dyDescent="0.2"/>
    <row r="38" ht="13.5" customHeight="1" x14ac:dyDescent="0.2"/>
    <row r="39" ht="13.5" customHeight="1" x14ac:dyDescent="0.2"/>
    <row r="40" ht="13.5" customHeight="1" x14ac:dyDescent="0.2"/>
    <row r="41" ht="13.5" customHeight="1" x14ac:dyDescent="0.2"/>
    <row r="42" ht="13.5" customHeight="1" x14ac:dyDescent="0.2"/>
    <row r="43" ht="13.5" customHeight="1" x14ac:dyDescent="0.2"/>
    <row r="44" ht="13.5" customHeight="1" x14ac:dyDescent="0.2"/>
    <row r="45" ht="13.5" customHeight="1" x14ac:dyDescent="0.2"/>
    <row r="46" ht="13.5" customHeight="1" x14ac:dyDescent="0.2"/>
  </sheetData>
  <mergeCells count="15">
    <mergeCell ref="C14:H14"/>
    <mergeCell ref="A23:I23"/>
    <mergeCell ref="B25:H25"/>
    <mergeCell ref="A2:I2"/>
    <mergeCell ref="B17:I17"/>
    <mergeCell ref="G18:I18"/>
    <mergeCell ref="G20:I20"/>
    <mergeCell ref="G19:I19"/>
    <mergeCell ref="G21:I21"/>
    <mergeCell ref="G5:I5"/>
    <mergeCell ref="G4:I4"/>
    <mergeCell ref="C9:H9"/>
    <mergeCell ref="C13:H13"/>
    <mergeCell ref="B19:F20"/>
    <mergeCell ref="B12:G12"/>
  </mergeCells>
  <phoneticPr fontId="2"/>
  <printOptions horizontalCentered="1"/>
  <pageMargins left="0.59055118110236227" right="0.59055118110236227" top="0.39370078740157483" bottom="0.59055118110236227" header="0.51181102362204722" footer="0.51181102362204722"/>
  <pageSetup paperSize="9" scale="84" orientation="portrait"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様式２</vt:lpstr>
      <vt:lpstr>様式２（記載例）</vt:lpstr>
      <vt:lpstr>様式２!Print_Area</vt:lpstr>
      <vt:lpstr>'様式２（記載例）'!Print_Area</vt:lpstr>
    </vt:vector>
  </TitlesOfParts>
  <Company>文部科学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ext</dc:creator>
  <cp:lastModifiedBy>本村</cp:lastModifiedBy>
  <cp:lastPrinted>2024-02-22T09:13:37Z</cp:lastPrinted>
  <dcterms:created xsi:type="dcterms:W3CDTF">2009-05-28T15:05:57Z</dcterms:created>
  <dcterms:modified xsi:type="dcterms:W3CDTF">2024-02-22T09:17:44Z</dcterms:modified>
</cp:coreProperties>
</file>